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5年度（2023）※今年度より名簿は年1回作成(事務削減のため）\20240101現在の宗教法人数・名簿\"/>
    </mc:Choice>
  </mc:AlternateContent>
  <bookViews>
    <workbookView xWindow="0" yWindow="0" windowWidth="28800" windowHeight="12408"/>
  </bookViews>
  <sheets>
    <sheet name="市区町村別･系統別 宗教法人数" sheetId="1" r:id="rId1"/>
  </sheets>
  <definedNames>
    <definedName name="_xlnm.Print_Titles" localSheetId="0">'市区町村別･系統別 宗教法人数'!$2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74">
  <si>
    <t>市区町村別･系統別 宗教法人数</t>
    <rPh sb="0" eb="2">
      <t>シク</t>
    </rPh>
    <rPh sb="2" eb="4">
      <t>チョウソン</t>
    </rPh>
    <rPh sb="4" eb="5">
      <t>ベツ</t>
    </rPh>
    <rPh sb="6" eb="8">
      <t>ケイトウ</t>
    </rPh>
    <rPh sb="8" eb="9">
      <t>ベツ</t>
    </rPh>
    <rPh sb="10" eb="12">
      <t>シュウキョウ</t>
    </rPh>
    <rPh sb="12" eb="14">
      <t>ホウジン</t>
    </rPh>
    <rPh sb="14" eb="15">
      <t>スウ</t>
    </rPh>
    <phoneticPr fontId="4"/>
  </si>
  <si>
    <t>区分</t>
    <rPh sb="0" eb="2">
      <t>クブン</t>
    </rPh>
    <phoneticPr fontId="4"/>
  </si>
  <si>
    <t>市区町村</t>
    <rPh sb="0" eb="2">
      <t>シク</t>
    </rPh>
    <rPh sb="2" eb="4">
      <t>チョウソン</t>
    </rPh>
    <phoneticPr fontId="4"/>
  </si>
  <si>
    <t xml:space="preserve">神道 </t>
    <phoneticPr fontId="4"/>
  </si>
  <si>
    <t>仏教</t>
    <phoneticPr fontId="4"/>
  </si>
  <si>
    <t>ｷﾘｽﾄ教</t>
    <phoneticPr fontId="4"/>
  </si>
  <si>
    <t>諸教</t>
    <phoneticPr fontId="4"/>
  </si>
  <si>
    <t>合計</t>
    <rPh sb="0" eb="2">
      <t>ゴウケイ</t>
    </rPh>
    <phoneticPr fontId="4"/>
  </si>
  <si>
    <t>神社</t>
    <rPh sb="0" eb="2">
      <t>ジンジャ</t>
    </rPh>
    <phoneticPr fontId="4"/>
  </si>
  <si>
    <t>教会</t>
  </si>
  <si>
    <t>寺院</t>
    <rPh sb="0" eb="2">
      <t>ジイン</t>
    </rPh>
    <phoneticPr fontId="4"/>
  </si>
  <si>
    <t>教会</t>
    <rPh sb="0" eb="2">
      <t>キョウカイ</t>
    </rPh>
    <phoneticPr fontId="4"/>
  </si>
  <si>
    <t>系統別合計</t>
    <rPh sb="0" eb="2">
      <t>ケイトウ</t>
    </rPh>
    <rPh sb="2" eb="3">
      <t>ベツ</t>
    </rPh>
    <rPh sb="3" eb="5">
      <t>ゴウケイ</t>
    </rPh>
    <phoneticPr fontId="4"/>
  </si>
  <si>
    <t>横浜市</t>
    <phoneticPr fontId="4"/>
  </si>
  <si>
    <t>鶴見区</t>
  </si>
  <si>
    <t>神奈川区</t>
  </si>
  <si>
    <t>西区</t>
  </si>
  <si>
    <t>中区</t>
  </si>
  <si>
    <t>南区</t>
  </si>
  <si>
    <t>港南区</t>
  </si>
  <si>
    <t>保土ケ谷区</t>
    <phoneticPr fontId="4"/>
  </si>
  <si>
    <t>旭区</t>
  </si>
  <si>
    <t>磯子区</t>
  </si>
  <si>
    <t>金沢区</t>
  </si>
  <si>
    <t>港北区</t>
  </si>
  <si>
    <t>緑区</t>
  </si>
  <si>
    <t>青葉区</t>
  </si>
  <si>
    <t>都筑区</t>
  </si>
  <si>
    <t>戸塚区</t>
  </si>
  <si>
    <t>栄区</t>
  </si>
  <si>
    <t>泉区</t>
  </si>
  <si>
    <t>瀬谷区</t>
  </si>
  <si>
    <t>川崎市</t>
    <phoneticPr fontId="4"/>
  </si>
  <si>
    <t>川崎区</t>
  </si>
  <si>
    <t>幸区</t>
  </si>
  <si>
    <t>中原区</t>
  </si>
  <si>
    <t>高津区</t>
  </si>
  <si>
    <t>宮前区</t>
  </si>
  <si>
    <t>多摩区</t>
  </si>
  <si>
    <t>麻生区</t>
  </si>
  <si>
    <t>相模原市</t>
    <rPh sb="0" eb="3">
      <t>サガミハラ</t>
    </rPh>
    <phoneticPr fontId="4"/>
  </si>
  <si>
    <t>緑区</t>
    <rPh sb="0" eb="1">
      <t>ミドリ</t>
    </rPh>
    <phoneticPr fontId="4"/>
  </si>
  <si>
    <t>中央区</t>
    <rPh sb="0" eb="2">
      <t>チュウオウ</t>
    </rPh>
    <phoneticPr fontId="4"/>
  </si>
  <si>
    <t>南区</t>
    <rPh sb="0" eb="1">
      <t>ミナミ</t>
    </rPh>
    <phoneticPr fontId="4"/>
  </si>
  <si>
    <t>横須賀市</t>
  </si>
  <si>
    <t>平塚市</t>
  </si>
  <si>
    <t>鎌倉市</t>
  </si>
  <si>
    <t>藤沢市</t>
    <rPh sb="0" eb="3">
      <t>フジサワシ</t>
    </rPh>
    <phoneticPr fontId="4"/>
  </si>
  <si>
    <t>小田原市</t>
    <rPh sb="0" eb="3">
      <t>オダワラ</t>
    </rPh>
    <phoneticPr fontId="4"/>
  </si>
  <si>
    <t>茅ヶ崎市</t>
    <rPh sb="0" eb="3">
      <t>チガサキ</t>
    </rPh>
    <phoneticPr fontId="4"/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8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5"/>
      </left>
      <right/>
      <top style="medium">
        <color indexed="64"/>
      </top>
      <bottom/>
      <diagonal/>
    </border>
    <border>
      <left style="hair">
        <color indexed="8"/>
      </left>
      <right/>
      <top style="medium">
        <color indexed="64"/>
      </top>
      <bottom/>
      <diagonal/>
    </border>
    <border>
      <left style="hair">
        <color indexed="8"/>
      </left>
      <right style="hair">
        <color indexed="8"/>
      </right>
      <top style="medium">
        <color indexed="64"/>
      </top>
      <bottom/>
      <diagonal/>
    </border>
    <border>
      <left style="hair">
        <color indexed="8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8"/>
      </left>
      <right/>
      <top style="hair">
        <color indexed="8"/>
      </top>
      <bottom style="medium">
        <color indexed="64"/>
      </bottom>
      <diagonal/>
    </border>
    <border>
      <left style="hair">
        <color indexed="8"/>
      </left>
      <right/>
      <top/>
      <bottom style="medium">
        <color indexed="64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medium">
        <color indexed="64"/>
      </bottom>
      <diagonal/>
    </border>
    <border>
      <left style="hair">
        <color indexed="8"/>
      </left>
      <right style="hair">
        <color indexed="8"/>
      </right>
      <top/>
      <bottom style="medium">
        <color indexed="64"/>
      </bottom>
      <diagonal/>
    </border>
    <border>
      <left style="hair">
        <color indexed="8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5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hair">
        <color indexed="8"/>
      </left>
      <right/>
      <top style="medium">
        <color indexed="64"/>
      </top>
      <bottom style="thin">
        <color indexed="64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8"/>
      </bottom>
      <diagonal/>
    </border>
    <border>
      <left/>
      <right/>
      <top style="thin">
        <color indexed="64"/>
      </top>
      <bottom style="hair">
        <color indexed="8"/>
      </bottom>
      <diagonal/>
    </border>
    <border>
      <left style="hair">
        <color indexed="8"/>
      </left>
      <right/>
      <top style="thin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thin">
        <color indexed="64"/>
      </top>
      <bottom style="hair">
        <color indexed="8"/>
      </bottom>
      <diagonal/>
    </border>
    <border>
      <left/>
      <right style="medium">
        <color indexed="64"/>
      </right>
      <top style="thin">
        <color indexed="64"/>
      </top>
      <bottom style="hair">
        <color indexed="8"/>
      </bottom>
      <diagonal/>
    </border>
    <border>
      <left style="medium">
        <color indexed="64"/>
      </left>
      <right/>
      <top style="thin">
        <color indexed="65"/>
      </top>
      <bottom/>
      <diagonal/>
    </border>
    <border>
      <left style="hair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hair">
        <color indexed="8"/>
      </bottom>
      <diagonal/>
    </border>
    <border>
      <left/>
      <right/>
      <top style="hair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/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hair">
        <color indexed="8"/>
      </right>
      <top style="thin">
        <color indexed="65"/>
      </top>
      <bottom/>
      <diagonal/>
    </border>
    <border>
      <left style="medium">
        <color indexed="64"/>
      </left>
      <right style="hair">
        <color indexed="8"/>
      </right>
      <top style="thin">
        <color indexed="65"/>
      </top>
      <bottom style="hair">
        <color indexed="8"/>
      </bottom>
      <diagonal/>
    </border>
    <border>
      <left style="medium">
        <color indexed="64"/>
      </left>
      <right/>
      <top style="thin">
        <color indexed="65"/>
      </top>
      <bottom style="hair">
        <color indexed="8"/>
      </bottom>
      <diagonal/>
    </border>
    <border>
      <left style="hair">
        <color indexed="8"/>
      </left>
      <right/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/>
      <diagonal/>
    </border>
    <border>
      <left/>
      <right/>
      <top style="hair">
        <color indexed="8"/>
      </top>
      <bottom/>
      <diagonal/>
    </border>
    <border>
      <left style="hair">
        <color indexed="8"/>
      </left>
      <right style="hair">
        <color indexed="8"/>
      </right>
      <top style="hair">
        <color indexed="8"/>
      </top>
      <bottom/>
      <diagonal/>
    </border>
    <border>
      <left/>
      <right style="medium">
        <color indexed="64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hair">
        <color indexed="8"/>
      </top>
      <bottom style="medium">
        <color indexed="64"/>
      </bottom>
      <diagonal/>
    </border>
    <border>
      <left/>
      <right style="medium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medium">
        <color indexed="64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8"/>
      </bottom>
      <diagonal/>
    </border>
    <border>
      <left style="hair">
        <color indexed="8"/>
      </left>
      <right/>
      <top style="medium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hair">
        <color indexed="8"/>
      </bottom>
      <diagonal/>
    </border>
    <border>
      <left/>
      <right style="medium">
        <color indexed="64"/>
      </right>
      <top style="medium">
        <color indexed="64"/>
      </top>
      <bottom style="hair">
        <color indexed="8"/>
      </bottom>
      <diagonal/>
    </border>
    <border>
      <left style="medium">
        <color indexed="64"/>
      </left>
      <right/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/>
      <bottom style="hair">
        <color indexed="8"/>
      </bottom>
      <diagonal/>
    </border>
    <border>
      <left/>
      <right/>
      <top/>
      <bottom style="hair">
        <color indexed="8"/>
      </bottom>
      <diagonal/>
    </border>
    <border>
      <left style="thin">
        <color indexed="64"/>
      </left>
      <right style="thin">
        <color indexed="64"/>
      </right>
      <top/>
      <bottom style="hair">
        <color indexed="8"/>
      </bottom>
      <diagonal/>
    </border>
    <border>
      <left style="hair">
        <color indexed="8"/>
      </left>
      <right/>
      <top/>
      <bottom style="hair">
        <color indexed="8"/>
      </bottom>
      <diagonal/>
    </border>
    <border>
      <left style="hair">
        <color indexed="8"/>
      </left>
      <right style="hair">
        <color indexed="8"/>
      </right>
      <top/>
      <bottom style="hair">
        <color indexed="8"/>
      </bottom>
      <diagonal/>
    </border>
    <border>
      <left/>
      <right style="medium">
        <color indexed="64"/>
      </right>
      <top/>
      <bottom style="hair">
        <color indexed="8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/>
  </cellStyleXfs>
  <cellXfs count="81">
    <xf numFmtId="0" fontId="0" fillId="0" borderId="0" xfId="0">
      <alignment vertical="center"/>
    </xf>
    <xf numFmtId="38" fontId="2" fillId="0" borderId="0" xfId="1" applyFont="1" applyFill="1" applyAlignment="1" applyProtection="1">
      <alignment vertical="center"/>
    </xf>
    <xf numFmtId="38" fontId="5" fillId="0" borderId="0" xfId="1" applyFont="1" applyFill="1" applyAlignment="1" applyProtection="1">
      <alignment vertical="center"/>
    </xf>
    <xf numFmtId="38" fontId="6" fillId="0" borderId="0" xfId="1" applyFont="1" applyFill="1" applyAlignment="1" applyProtection="1">
      <alignment vertical="center"/>
    </xf>
    <xf numFmtId="38" fontId="5" fillId="0" borderId="0" xfId="1" applyFont="1" applyFill="1" applyAlignment="1" applyProtection="1">
      <alignment vertical="center"/>
      <protection locked="0"/>
    </xf>
    <xf numFmtId="38" fontId="5" fillId="0" borderId="0" xfId="1" applyFont="1" applyFill="1" applyProtection="1">
      <protection locked="0"/>
    </xf>
    <xf numFmtId="38" fontId="7" fillId="0" borderId="0" xfId="1" applyFont="1" applyFill="1" applyAlignment="1" applyProtection="1">
      <alignment vertical="center"/>
      <protection locked="0"/>
    </xf>
    <xf numFmtId="0" fontId="7" fillId="0" borderId="3" xfId="2" applyFont="1" applyFill="1" applyBorder="1" applyAlignment="1" applyProtection="1">
      <alignment horizontal="center"/>
    </xf>
    <xf numFmtId="0" fontId="7" fillId="0" borderId="4" xfId="2" applyFont="1" applyFill="1" applyBorder="1" applyAlignment="1" applyProtection="1">
      <alignment vertical="center"/>
    </xf>
    <xf numFmtId="0" fontId="7" fillId="0" borderId="2" xfId="2" applyFont="1" applyFill="1" applyBorder="1" applyAlignment="1" applyProtection="1">
      <alignment vertical="center"/>
    </xf>
    <xf numFmtId="0" fontId="1" fillId="0" borderId="0" xfId="2" applyFont="1" applyFill="1" applyProtection="1">
      <protection locked="0"/>
    </xf>
    <xf numFmtId="0" fontId="7" fillId="0" borderId="10" xfId="2" applyFont="1" applyFill="1" applyBorder="1" applyAlignment="1" applyProtection="1">
      <alignment horizontal="center" vertical="top"/>
    </xf>
    <xf numFmtId="0" fontId="7" fillId="0" borderId="11" xfId="2" applyFont="1" applyFill="1" applyBorder="1" applyAlignment="1" applyProtection="1">
      <alignment horizontal="center" vertical="center"/>
    </xf>
    <xf numFmtId="0" fontId="7" fillId="0" borderId="13" xfId="2" applyFont="1" applyFill="1" applyBorder="1" applyAlignment="1" applyProtection="1">
      <alignment horizontal="center" vertical="center"/>
    </xf>
    <xf numFmtId="0" fontId="7" fillId="0" borderId="16" xfId="2" applyFont="1" applyFill="1" applyBorder="1" applyAlignment="1" applyProtection="1">
      <alignment vertical="center"/>
    </xf>
    <xf numFmtId="0" fontId="7" fillId="0" borderId="17" xfId="2" applyFont="1" applyFill="1" applyBorder="1" applyAlignment="1" applyProtection="1">
      <alignment vertical="center"/>
    </xf>
    <xf numFmtId="176" fontId="7" fillId="0" borderId="18" xfId="2" applyNumberFormat="1" applyFont="1" applyFill="1" applyBorder="1" applyAlignment="1" applyProtection="1">
      <alignment vertical="center"/>
    </xf>
    <xf numFmtId="176" fontId="7" fillId="0" borderId="19" xfId="2" applyNumberFormat="1" applyFont="1" applyFill="1" applyBorder="1" applyAlignment="1" applyProtection="1">
      <alignment vertical="center"/>
    </xf>
    <xf numFmtId="176" fontId="7" fillId="0" borderId="20" xfId="2" applyNumberFormat="1" applyFont="1" applyFill="1" applyBorder="1" applyAlignment="1" applyProtection="1">
      <alignment vertical="center"/>
    </xf>
    <xf numFmtId="176" fontId="7" fillId="0" borderId="21" xfId="2" applyNumberFormat="1" applyFont="1" applyFill="1" applyBorder="1" applyAlignment="1" applyProtection="1">
      <alignment vertical="center"/>
    </xf>
    <xf numFmtId="176" fontId="7" fillId="0" borderId="22" xfId="2" applyNumberFormat="1" applyFont="1" applyFill="1" applyBorder="1" applyAlignment="1" applyProtection="1">
      <alignment vertical="center"/>
    </xf>
    <xf numFmtId="0" fontId="7" fillId="0" borderId="23" xfId="2" applyFont="1" applyFill="1" applyBorder="1" applyAlignment="1" applyProtection="1">
      <alignment vertical="center"/>
    </xf>
    <xf numFmtId="0" fontId="7" fillId="0" borderId="24" xfId="2" applyFont="1" applyFill="1" applyBorder="1" applyAlignment="1" applyProtection="1">
      <alignment vertical="center"/>
    </xf>
    <xf numFmtId="176" fontId="7" fillId="0" borderId="25" xfId="2" applyNumberFormat="1" applyFont="1" applyFill="1" applyBorder="1" applyAlignment="1" applyProtection="1">
      <alignment vertical="center"/>
    </xf>
    <xf numFmtId="176" fontId="7" fillId="0" borderId="26" xfId="2" applyNumberFormat="1" applyFont="1" applyFill="1" applyBorder="1" applyAlignment="1" applyProtection="1">
      <alignment vertical="center"/>
    </xf>
    <xf numFmtId="176" fontId="7" fillId="0" borderId="27" xfId="2" applyNumberFormat="1" applyFont="1" applyFill="1" applyBorder="1" applyAlignment="1" applyProtection="1">
      <alignment vertical="center"/>
    </xf>
    <xf numFmtId="176" fontId="7" fillId="0" borderId="28" xfId="2" applyNumberFormat="1" applyFont="1" applyFill="1" applyBorder="1" applyAlignment="1" applyProtection="1">
      <alignment vertical="center"/>
    </xf>
    <xf numFmtId="176" fontId="7" fillId="0" borderId="29" xfId="2" applyNumberFormat="1" applyFont="1" applyFill="1" applyBorder="1" applyAlignment="1" applyProtection="1">
      <alignment vertical="center"/>
    </xf>
    <xf numFmtId="0" fontId="7" fillId="0" borderId="30" xfId="2" applyFont="1" applyFill="1" applyBorder="1" applyAlignment="1" applyProtection="1">
      <alignment vertical="center"/>
    </xf>
    <xf numFmtId="0" fontId="7" fillId="0" borderId="31" xfId="2" applyFont="1" applyFill="1" applyBorder="1" applyAlignment="1" applyProtection="1">
      <alignment vertical="center"/>
    </xf>
    <xf numFmtId="176" fontId="7" fillId="0" borderId="32" xfId="2" applyNumberFormat="1" applyFont="1" applyFill="1" applyBorder="1" applyAlignment="1" applyProtection="1">
      <alignment vertical="center"/>
    </xf>
    <xf numFmtId="176" fontId="7" fillId="0" borderId="33" xfId="2" applyNumberFormat="1" applyFont="1" applyFill="1" applyBorder="1" applyAlignment="1" applyProtection="1">
      <alignment vertical="center"/>
    </xf>
    <xf numFmtId="176" fontId="7" fillId="0" borderId="31" xfId="2" applyNumberFormat="1" applyFont="1" applyFill="1" applyBorder="1" applyAlignment="1" applyProtection="1">
      <alignment vertical="center"/>
    </xf>
    <xf numFmtId="176" fontId="7" fillId="0" borderId="34" xfId="2" applyNumberFormat="1" applyFont="1" applyFill="1" applyBorder="1" applyAlignment="1" applyProtection="1">
      <alignment vertical="center"/>
    </xf>
    <xf numFmtId="176" fontId="7" fillId="0" borderId="35" xfId="2" applyNumberFormat="1" applyFont="1" applyFill="1" applyBorder="1" applyAlignment="1" applyProtection="1">
      <alignment vertical="center"/>
    </xf>
    <xf numFmtId="0" fontId="7" fillId="0" borderId="36" xfId="2" applyFont="1" applyFill="1" applyBorder="1" applyAlignment="1" applyProtection="1">
      <alignment vertical="center"/>
    </xf>
    <xf numFmtId="0" fontId="7" fillId="0" borderId="37" xfId="2" applyFont="1" applyFill="1" applyBorder="1" applyAlignment="1" applyProtection="1">
      <alignment vertical="center"/>
    </xf>
    <xf numFmtId="0" fontId="7" fillId="0" borderId="38" xfId="2" applyFont="1" applyFill="1" applyBorder="1" applyAlignment="1" applyProtection="1">
      <alignment vertical="center"/>
    </xf>
    <xf numFmtId="0" fontId="7" fillId="0" borderId="33" xfId="2" applyFont="1" applyFill="1" applyBorder="1" applyAlignment="1" applyProtection="1">
      <alignment vertical="center"/>
    </xf>
    <xf numFmtId="0" fontId="7" fillId="0" borderId="39" xfId="2" applyFont="1" applyFill="1" applyBorder="1" applyAlignment="1" applyProtection="1">
      <alignment vertical="center"/>
    </xf>
    <xf numFmtId="0" fontId="7" fillId="0" borderId="40" xfId="2" applyFont="1" applyFill="1" applyBorder="1" applyAlignment="1" applyProtection="1">
      <alignment vertical="center"/>
    </xf>
    <xf numFmtId="176" fontId="7" fillId="0" borderId="41" xfId="2" applyNumberFormat="1" applyFont="1" applyFill="1" applyBorder="1" applyAlignment="1" applyProtection="1">
      <alignment vertical="center"/>
    </xf>
    <xf numFmtId="176" fontId="7" fillId="0" borderId="42" xfId="2" applyNumberFormat="1" applyFont="1" applyFill="1" applyBorder="1" applyAlignment="1" applyProtection="1">
      <alignment vertical="center"/>
    </xf>
    <xf numFmtId="176" fontId="7" fillId="0" borderId="40" xfId="2" applyNumberFormat="1" applyFont="1" applyFill="1" applyBorder="1" applyAlignment="1" applyProtection="1">
      <alignment vertical="center"/>
    </xf>
    <xf numFmtId="176" fontId="7" fillId="0" borderId="43" xfId="2" applyNumberFormat="1" applyFont="1" applyFill="1" applyBorder="1" applyAlignment="1" applyProtection="1">
      <alignment vertical="center"/>
    </xf>
    <xf numFmtId="176" fontId="7" fillId="0" borderId="44" xfId="2" applyNumberFormat="1" applyFont="1" applyFill="1" applyBorder="1" applyAlignment="1" applyProtection="1">
      <alignment vertical="center"/>
    </xf>
    <xf numFmtId="0" fontId="7" fillId="0" borderId="8" xfId="2" applyFont="1" applyFill="1" applyBorder="1" applyAlignment="1" applyProtection="1">
      <alignment vertical="center"/>
    </xf>
    <xf numFmtId="0" fontId="7" fillId="0" borderId="11" xfId="2" applyFont="1" applyFill="1" applyBorder="1" applyAlignment="1" applyProtection="1">
      <alignment vertical="center"/>
    </xf>
    <xf numFmtId="176" fontId="7" fillId="0" borderId="45" xfId="2" applyNumberFormat="1" applyFont="1" applyFill="1" applyBorder="1" applyAlignment="1" applyProtection="1">
      <alignment vertical="center"/>
    </xf>
    <xf numFmtId="176" fontId="7" fillId="0" borderId="46" xfId="2" applyNumberFormat="1" applyFont="1" applyFill="1" applyBorder="1" applyAlignment="1" applyProtection="1">
      <alignment vertical="center"/>
    </xf>
    <xf numFmtId="176" fontId="7" fillId="0" borderId="11" xfId="2" applyNumberFormat="1" applyFont="1" applyFill="1" applyBorder="1" applyAlignment="1" applyProtection="1">
      <alignment vertical="center"/>
    </xf>
    <xf numFmtId="176" fontId="7" fillId="0" borderId="13" xfId="2" applyNumberFormat="1" applyFont="1" applyFill="1" applyBorder="1" applyAlignment="1" applyProtection="1">
      <alignment vertical="center"/>
    </xf>
    <xf numFmtId="176" fontId="7" fillId="0" borderId="47" xfId="2" applyNumberFormat="1" applyFont="1" applyFill="1" applyBorder="1" applyAlignment="1" applyProtection="1">
      <alignment vertical="center"/>
    </xf>
    <xf numFmtId="0" fontId="7" fillId="0" borderId="1" xfId="2" applyFont="1" applyFill="1" applyBorder="1" applyAlignment="1" applyProtection="1">
      <alignment vertical="center"/>
    </xf>
    <xf numFmtId="0" fontId="7" fillId="0" borderId="48" xfId="2" applyFont="1" applyFill="1" applyBorder="1" applyAlignment="1" applyProtection="1">
      <alignment vertical="center"/>
    </xf>
    <xf numFmtId="176" fontId="7" fillId="0" borderId="49" xfId="2" applyNumberFormat="1" applyFont="1" applyFill="1" applyBorder="1" applyAlignment="1" applyProtection="1">
      <alignment vertical="center"/>
    </xf>
    <xf numFmtId="176" fontId="7" fillId="0" borderId="48" xfId="2" applyNumberFormat="1" applyFont="1" applyFill="1" applyBorder="1" applyAlignment="1" applyProtection="1">
      <alignment vertical="center"/>
    </xf>
    <xf numFmtId="176" fontId="7" fillId="0" borderId="50" xfId="2" applyNumberFormat="1" applyFont="1" applyFill="1" applyBorder="1" applyAlignment="1" applyProtection="1">
      <alignment vertical="center"/>
    </xf>
    <xf numFmtId="176" fontId="7" fillId="0" borderId="51" xfId="2" applyNumberFormat="1" applyFont="1" applyFill="1" applyBorder="1" applyAlignment="1" applyProtection="1">
      <alignment vertical="center"/>
    </xf>
    <xf numFmtId="176" fontId="7" fillId="0" borderId="52" xfId="2" applyNumberFormat="1" applyFont="1" applyFill="1" applyBorder="1" applyAlignment="1" applyProtection="1">
      <alignment vertical="center"/>
    </xf>
    <xf numFmtId="0" fontId="7" fillId="0" borderId="53" xfId="2" applyFont="1" applyFill="1" applyBorder="1" applyAlignment="1" applyProtection="1">
      <alignment vertical="center"/>
    </xf>
    <xf numFmtId="0" fontId="7" fillId="0" borderId="54" xfId="2" applyFont="1" applyFill="1" applyBorder="1" applyAlignment="1" applyProtection="1">
      <alignment vertical="center"/>
    </xf>
    <xf numFmtId="0" fontId="7" fillId="0" borderId="55" xfId="2" applyFont="1" applyFill="1" applyBorder="1" applyAlignment="1" applyProtection="1">
      <alignment vertical="center"/>
    </xf>
    <xf numFmtId="176" fontId="7" fillId="0" borderId="56" xfId="2" applyNumberFormat="1" applyFont="1" applyFill="1" applyBorder="1" applyAlignment="1" applyProtection="1">
      <alignment vertical="center"/>
    </xf>
    <xf numFmtId="176" fontId="7" fillId="0" borderId="55" xfId="2" applyNumberFormat="1" applyFont="1" applyFill="1" applyBorder="1" applyAlignment="1" applyProtection="1">
      <alignment vertical="center"/>
    </xf>
    <xf numFmtId="176" fontId="7" fillId="0" borderId="57" xfId="2" applyNumberFormat="1" applyFont="1" applyFill="1" applyBorder="1" applyAlignment="1" applyProtection="1">
      <alignment vertical="center"/>
    </xf>
    <xf numFmtId="176" fontId="7" fillId="0" borderId="58" xfId="2" applyNumberFormat="1" applyFont="1" applyFill="1" applyBorder="1" applyAlignment="1" applyProtection="1">
      <alignment vertical="center"/>
    </xf>
    <xf numFmtId="176" fontId="7" fillId="0" borderId="59" xfId="2" applyNumberFormat="1" applyFont="1" applyFill="1" applyBorder="1" applyAlignment="1" applyProtection="1">
      <alignment vertical="center"/>
    </xf>
    <xf numFmtId="0" fontId="7" fillId="0" borderId="46" xfId="2" applyFont="1" applyFill="1" applyBorder="1" applyAlignment="1" applyProtection="1">
      <alignment vertical="center"/>
    </xf>
    <xf numFmtId="0" fontId="1" fillId="0" borderId="0" xfId="2" applyFont="1" applyFill="1" applyBorder="1" applyProtection="1">
      <protection locked="0"/>
    </xf>
    <xf numFmtId="0" fontId="7" fillId="0" borderId="1" xfId="2" applyFont="1" applyFill="1" applyBorder="1" applyAlignment="1" applyProtection="1">
      <alignment horizontal="center" vertical="center"/>
    </xf>
    <xf numFmtId="0" fontId="1" fillId="0" borderId="2" xfId="2" applyFont="1" applyFill="1" applyBorder="1" applyAlignment="1" applyProtection="1">
      <alignment horizontal="center" vertical="center"/>
    </xf>
    <xf numFmtId="0" fontId="1" fillId="0" borderId="8" xfId="2" applyFont="1" applyFill="1" applyBorder="1" applyAlignment="1" applyProtection="1">
      <alignment horizontal="center" vertical="center"/>
    </xf>
    <xf numFmtId="0" fontId="1" fillId="0" borderId="9" xfId="2" applyFont="1" applyFill="1" applyBorder="1" applyAlignment="1" applyProtection="1">
      <alignment horizontal="center" vertical="center"/>
    </xf>
    <xf numFmtId="0" fontId="7" fillId="0" borderId="2" xfId="2" applyFont="1" applyFill="1" applyBorder="1" applyAlignment="1" applyProtection="1">
      <alignment horizontal="center" vertical="center"/>
    </xf>
    <xf numFmtId="0" fontId="7" fillId="0" borderId="5" xfId="2" applyFont="1" applyFill="1" applyBorder="1" applyAlignment="1" applyProtection="1">
      <alignment horizontal="center" vertical="center"/>
    </xf>
    <xf numFmtId="0" fontId="1" fillId="0" borderId="12" xfId="2" applyFont="1" applyFill="1" applyBorder="1" applyAlignment="1" applyProtection="1">
      <alignment horizontal="center" vertical="center"/>
    </xf>
    <xf numFmtId="0" fontId="7" fillId="0" borderId="6" xfId="2" applyFont="1" applyFill="1" applyBorder="1" applyAlignment="1" applyProtection="1">
      <alignment horizontal="center" vertical="center"/>
    </xf>
    <xf numFmtId="0" fontId="1" fillId="0" borderId="14" xfId="2" applyFont="1" applyFill="1" applyBorder="1" applyAlignment="1" applyProtection="1">
      <alignment horizontal="center" vertical="center"/>
    </xf>
    <xf numFmtId="0" fontId="7" fillId="0" borderId="7" xfId="2" applyFont="1" applyFill="1" applyBorder="1" applyAlignment="1" applyProtection="1">
      <alignment horizontal="center" vertical="center"/>
    </xf>
    <xf numFmtId="0" fontId="1" fillId="0" borderId="15" xfId="2" applyFont="1" applyFill="1" applyBorder="1" applyAlignment="1" applyProtection="1">
      <alignment horizontal="center" vertical="center"/>
    </xf>
  </cellXfs>
  <cellStyles count="3">
    <cellStyle name="桁区切り 2" xfId="1"/>
    <cellStyle name="標準" xfId="0" builtinId="0"/>
    <cellStyle name="標準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-0.249977111117893"/>
  </sheetPr>
  <dimension ref="A1:CF115"/>
  <sheetViews>
    <sheetView tabSelected="1" zoomScaleNormal="100" zoomScaleSheetLayoutView="115" workbookViewId="0">
      <pane ySplit="4" topLeftCell="A5" activePane="bottomLeft" state="frozen"/>
      <selection pane="bottomLeft"/>
    </sheetView>
  </sheetViews>
  <sheetFormatPr defaultColWidth="9" defaultRowHeight="13.2" x14ac:dyDescent="0.2"/>
  <cols>
    <col min="1" max="1" width="1.5" style="10" customWidth="1"/>
    <col min="2" max="2" width="11.59765625" style="10" customWidth="1"/>
    <col min="3" max="4" width="8.59765625" style="10" customWidth="1"/>
    <col min="5" max="6" width="7.59765625" style="10" customWidth="1"/>
    <col min="7" max="7" width="8.59765625" style="10" customWidth="1"/>
    <col min="8" max="9" width="7.59765625" style="10" customWidth="1"/>
    <col min="10" max="11" width="8.59765625" style="10" customWidth="1"/>
    <col min="12" max="16384" width="9" style="10"/>
  </cols>
  <sheetData>
    <row r="1" spans="1:84" s="6" customFormat="1" ht="23.25" customHeight="1" thickBot="1" x14ac:dyDescent="0.2">
      <c r="A1" s="1" t="s">
        <v>0</v>
      </c>
      <c r="B1" s="2"/>
      <c r="C1" s="3"/>
      <c r="D1" s="2"/>
      <c r="E1" s="2"/>
      <c r="F1" s="2"/>
      <c r="G1" s="2"/>
      <c r="H1" s="2"/>
      <c r="I1" s="2"/>
      <c r="J1" s="2"/>
      <c r="K1" s="2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5"/>
      <c r="AF1" s="5"/>
      <c r="AG1" s="5"/>
      <c r="AH1" s="5"/>
      <c r="AI1" s="5"/>
      <c r="AJ1" s="5"/>
      <c r="AK1" s="5"/>
      <c r="AL1" s="5"/>
      <c r="AM1" s="5"/>
      <c r="AN1" s="5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5"/>
      <c r="BM1" s="5"/>
      <c r="BN1" s="5"/>
      <c r="BO1" s="5"/>
      <c r="BP1" s="5"/>
      <c r="BQ1" s="5"/>
      <c r="BR1" s="5"/>
      <c r="BS1" s="5"/>
      <c r="BT1" s="5"/>
      <c r="BU1" s="5"/>
      <c r="BV1" s="5"/>
      <c r="BW1" s="5"/>
      <c r="BX1" s="5"/>
      <c r="BY1" s="5"/>
      <c r="BZ1" s="5"/>
      <c r="CA1" s="5"/>
      <c r="CB1" s="5"/>
      <c r="CC1" s="5"/>
      <c r="CD1" s="5"/>
      <c r="CE1" s="5"/>
      <c r="CF1" s="5"/>
    </row>
    <row r="2" spans="1:84" ht="19.5" customHeight="1" x14ac:dyDescent="0.2">
      <c r="A2" s="70" t="s">
        <v>1</v>
      </c>
      <c r="B2" s="71"/>
      <c r="C2" s="7" t="s">
        <v>2</v>
      </c>
      <c r="D2" s="74" t="s">
        <v>3</v>
      </c>
      <c r="E2" s="8"/>
      <c r="F2" s="9"/>
      <c r="G2" s="75" t="s">
        <v>4</v>
      </c>
      <c r="H2" s="8"/>
      <c r="I2" s="9"/>
      <c r="J2" s="77" t="s">
        <v>5</v>
      </c>
      <c r="K2" s="79" t="s">
        <v>6</v>
      </c>
    </row>
    <row r="3" spans="1:84" ht="19.5" customHeight="1" thickBot="1" x14ac:dyDescent="0.25">
      <c r="A3" s="72"/>
      <c r="B3" s="73"/>
      <c r="C3" s="11" t="s">
        <v>7</v>
      </c>
      <c r="D3" s="73"/>
      <c r="E3" s="12" t="s">
        <v>8</v>
      </c>
      <c r="F3" s="12" t="s">
        <v>9</v>
      </c>
      <c r="G3" s="76"/>
      <c r="H3" s="13" t="s">
        <v>10</v>
      </c>
      <c r="I3" s="12" t="s">
        <v>11</v>
      </c>
      <c r="J3" s="78"/>
      <c r="K3" s="80"/>
    </row>
    <row r="4" spans="1:84" ht="24" customHeight="1" x14ac:dyDescent="0.2">
      <c r="A4" s="14" t="s">
        <v>12</v>
      </c>
      <c r="B4" s="15"/>
      <c r="C4" s="16">
        <v>3736</v>
      </c>
      <c r="D4" s="17">
        <v>1234</v>
      </c>
      <c r="E4" s="18">
        <v>1133</v>
      </c>
      <c r="F4" s="18">
        <v>101</v>
      </c>
      <c r="G4" s="18">
        <v>1923</v>
      </c>
      <c r="H4" s="19">
        <v>1862</v>
      </c>
      <c r="I4" s="18">
        <v>61</v>
      </c>
      <c r="J4" s="19">
        <v>277</v>
      </c>
      <c r="K4" s="20">
        <v>302</v>
      </c>
    </row>
    <row r="5" spans="1:84" ht="24" customHeight="1" x14ac:dyDescent="0.2">
      <c r="A5" s="21" t="s">
        <v>13</v>
      </c>
      <c r="B5" s="22"/>
      <c r="C5" s="23">
        <v>1077</v>
      </c>
      <c r="D5" s="24">
        <v>310</v>
      </c>
      <c r="E5" s="25">
        <v>293</v>
      </c>
      <c r="F5" s="25">
        <v>17</v>
      </c>
      <c r="G5" s="25">
        <v>531</v>
      </c>
      <c r="H5" s="26">
        <v>500</v>
      </c>
      <c r="I5" s="25">
        <v>31</v>
      </c>
      <c r="J5" s="26">
        <v>108</v>
      </c>
      <c r="K5" s="27">
        <v>128</v>
      </c>
    </row>
    <row r="6" spans="1:84" ht="24" customHeight="1" x14ac:dyDescent="0.2">
      <c r="A6" s="28"/>
      <c r="B6" s="29" t="s">
        <v>14</v>
      </c>
      <c r="C6" s="30">
        <v>103</v>
      </c>
      <c r="D6" s="31">
        <v>37</v>
      </c>
      <c r="E6" s="32">
        <v>33</v>
      </c>
      <c r="F6" s="32">
        <v>4</v>
      </c>
      <c r="G6" s="32">
        <v>45</v>
      </c>
      <c r="H6" s="33">
        <v>44</v>
      </c>
      <c r="I6" s="32">
        <v>1</v>
      </c>
      <c r="J6" s="33">
        <v>5</v>
      </c>
      <c r="K6" s="34">
        <v>16</v>
      </c>
    </row>
    <row r="7" spans="1:84" ht="24" customHeight="1" x14ac:dyDescent="0.2">
      <c r="A7" s="28"/>
      <c r="B7" s="29" t="s">
        <v>15</v>
      </c>
      <c r="C7" s="30">
        <v>91</v>
      </c>
      <c r="D7" s="31">
        <v>19</v>
      </c>
      <c r="E7" s="32">
        <v>17</v>
      </c>
      <c r="F7" s="32">
        <v>2</v>
      </c>
      <c r="G7" s="32">
        <v>44</v>
      </c>
      <c r="H7" s="33">
        <v>42</v>
      </c>
      <c r="I7" s="32">
        <v>2</v>
      </c>
      <c r="J7" s="33">
        <v>11</v>
      </c>
      <c r="K7" s="34">
        <v>17</v>
      </c>
    </row>
    <row r="8" spans="1:84" ht="24" customHeight="1" x14ac:dyDescent="0.2">
      <c r="A8" s="28"/>
      <c r="B8" s="29" t="s">
        <v>16</v>
      </c>
      <c r="C8" s="30">
        <v>54</v>
      </c>
      <c r="D8" s="31">
        <v>6</v>
      </c>
      <c r="E8" s="32">
        <v>6</v>
      </c>
      <c r="F8" s="32">
        <v>0</v>
      </c>
      <c r="G8" s="32">
        <v>32</v>
      </c>
      <c r="H8" s="33">
        <v>23</v>
      </c>
      <c r="I8" s="32">
        <v>9</v>
      </c>
      <c r="J8" s="33">
        <v>8</v>
      </c>
      <c r="K8" s="34">
        <v>8</v>
      </c>
    </row>
    <row r="9" spans="1:84" ht="24" customHeight="1" x14ac:dyDescent="0.2">
      <c r="A9" s="28"/>
      <c r="B9" s="29" t="s">
        <v>17</v>
      </c>
      <c r="C9" s="30">
        <v>52</v>
      </c>
      <c r="D9" s="31">
        <v>11</v>
      </c>
      <c r="E9" s="32">
        <v>9</v>
      </c>
      <c r="F9" s="32">
        <v>2</v>
      </c>
      <c r="G9" s="32">
        <v>25</v>
      </c>
      <c r="H9" s="33">
        <v>20</v>
      </c>
      <c r="I9" s="32">
        <v>5</v>
      </c>
      <c r="J9" s="33">
        <v>13</v>
      </c>
      <c r="K9" s="34">
        <v>3</v>
      </c>
    </row>
    <row r="10" spans="1:84" ht="24" customHeight="1" x14ac:dyDescent="0.2">
      <c r="A10" s="28"/>
      <c r="B10" s="29" t="s">
        <v>18</v>
      </c>
      <c r="C10" s="30">
        <v>103</v>
      </c>
      <c r="D10" s="31">
        <v>14</v>
      </c>
      <c r="E10" s="32">
        <v>13</v>
      </c>
      <c r="F10" s="32">
        <v>1</v>
      </c>
      <c r="G10" s="32">
        <v>54</v>
      </c>
      <c r="H10" s="33">
        <v>47</v>
      </c>
      <c r="I10" s="32">
        <v>7</v>
      </c>
      <c r="J10" s="33">
        <v>7</v>
      </c>
      <c r="K10" s="34">
        <v>28</v>
      </c>
    </row>
    <row r="11" spans="1:84" ht="24" customHeight="1" x14ac:dyDescent="0.2">
      <c r="A11" s="28"/>
      <c r="B11" s="29" t="s">
        <v>19</v>
      </c>
      <c r="C11" s="30">
        <v>49</v>
      </c>
      <c r="D11" s="31">
        <v>8</v>
      </c>
      <c r="E11" s="32">
        <v>8</v>
      </c>
      <c r="F11" s="32">
        <v>0</v>
      </c>
      <c r="G11" s="32">
        <v>28</v>
      </c>
      <c r="H11" s="33">
        <v>28</v>
      </c>
      <c r="I11" s="32">
        <v>0</v>
      </c>
      <c r="J11" s="33">
        <v>7</v>
      </c>
      <c r="K11" s="34">
        <v>6</v>
      </c>
    </row>
    <row r="12" spans="1:84" ht="24" customHeight="1" x14ac:dyDescent="0.2">
      <c r="A12" s="28"/>
      <c r="B12" s="29" t="s">
        <v>20</v>
      </c>
      <c r="C12" s="30">
        <v>52</v>
      </c>
      <c r="D12" s="31">
        <v>16</v>
      </c>
      <c r="E12" s="32">
        <v>14</v>
      </c>
      <c r="F12" s="32">
        <v>2</v>
      </c>
      <c r="G12" s="32">
        <v>22</v>
      </c>
      <c r="H12" s="33">
        <v>20</v>
      </c>
      <c r="I12" s="32">
        <v>2</v>
      </c>
      <c r="J12" s="33">
        <v>6</v>
      </c>
      <c r="K12" s="34">
        <v>8</v>
      </c>
    </row>
    <row r="13" spans="1:84" ht="24" customHeight="1" x14ac:dyDescent="0.2">
      <c r="A13" s="35"/>
      <c r="B13" s="29" t="s">
        <v>21</v>
      </c>
      <c r="C13" s="30">
        <v>45</v>
      </c>
      <c r="D13" s="31">
        <v>16</v>
      </c>
      <c r="E13" s="32">
        <v>16</v>
      </c>
      <c r="F13" s="32">
        <v>0</v>
      </c>
      <c r="G13" s="32">
        <v>16</v>
      </c>
      <c r="H13" s="33">
        <v>16</v>
      </c>
      <c r="I13" s="32">
        <v>0</v>
      </c>
      <c r="J13" s="33">
        <v>6</v>
      </c>
      <c r="K13" s="34">
        <v>7</v>
      </c>
    </row>
    <row r="14" spans="1:84" ht="24" customHeight="1" x14ac:dyDescent="0.2">
      <c r="A14" s="28"/>
      <c r="B14" s="29" t="s">
        <v>22</v>
      </c>
      <c r="C14" s="30">
        <v>52</v>
      </c>
      <c r="D14" s="31">
        <v>15</v>
      </c>
      <c r="E14" s="32">
        <v>15</v>
      </c>
      <c r="F14" s="32">
        <v>0</v>
      </c>
      <c r="G14" s="32">
        <v>20</v>
      </c>
      <c r="H14" s="33">
        <v>20</v>
      </c>
      <c r="I14" s="32">
        <v>0</v>
      </c>
      <c r="J14" s="33">
        <v>12</v>
      </c>
      <c r="K14" s="34">
        <v>5</v>
      </c>
    </row>
    <row r="15" spans="1:84" ht="24" customHeight="1" x14ac:dyDescent="0.2">
      <c r="A15" s="28"/>
      <c r="B15" s="29" t="s">
        <v>23</v>
      </c>
      <c r="C15" s="30">
        <v>48</v>
      </c>
      <c r="D15" s="31">
        <v>11</v>
      </c>
      <c r="E15" s="32">
        <v>11</v>
      </c>
      <c r="F15" s="32">
        <v>0</v>
      </c>
      <c r="G15" s="32">
        <v>31</v>
      </c>
      <c r="H15" s="33">
        <v>30</v>
      </c>
      <c r="I15" s="32">
        <v>1</v>
      </c>
      <c r="J15" s="33">
        <v>4</v>
      </c>
      <c r="K15" s="34">
        <v>2</v>
      </c>
    </row>
    <row r="16" spans="1:84" ht="24" customHeight="1" x14ac:dyDescent="0.2">
      <c r="A16" s="28"/>
      <c r="B16" s="29" t="s">
        <v>24</v>
      </c>
      <c r="C16" s="30">
        <v>88</v>
      </c>
      <c r="D16" s="31">
        <v>25</v>
      </c>
      <c r="E16" s="32">
        <v>24</v>
      </c>
      <c r="F16" s="32">
        <v>1</v>
      </c>
      <c r="G16" s="32">
        <v>51</v>
      </c>
      <c r="H16" s="33">
        <v>49</v>
      </c>
      <c r="I16" s="32">
        <v>2</v>
      </c>
      <c r="J16" s="33">
        <v>5</v>
      </c>
      <c r="K16" s="34">
        <v>7</v>
      </c>
    </row>
    <row r="17" spans="1:11" ht="24" customHeight="1" x14ac:dyDescent="0.2">
      <c r="A17" s="36"/>
      <c r="B17" s="29" t="s">
        <v>25</v>
      </c>
      <c r="C17" s="30">
        <v>51</v>
      </c>
      <c r="D17" s="31">
        <v>16</v>
      </c>
      <c r="E17" s="32">
        <v>16</v>
      </c>
      <c r="F17" s="32">
        <v>0</v>
      </c>
      <c r="G17" s="32">
        <v>28</v>
      </c>
      <c r="H17" s="33">
        <v>28</v>
      </c>
      <c r="I17" s="32">
        <v>0</v>
      </c>
      <c r="J17" s="33">
        <v>5</v>
      </c>
      <c r="K17" s="34">
        <v>2</v>
      </c>
    </row>
    <row r="18" spans="1:11" ht="24" customHeight="1" x14ac:dyDescent="0.2">
      <c r="A18" s="35"/>
      <c r="B18" s="29" t="s">
        <v>26</v>
      </c>
      <c r="C18" s="30">
        <v>57</v>
      </c>
      <c r="D18" s="31">
        <v>25</v>
      </c>
      <c r="E18" s="32">
        <v>24</v>
      </c>
      <c r="F18" s="32">
        <v>1</v>
      </c>
      <c r="G18" s="32">
        <v>21</v>
      </c>
      <c r="H18" s="33">
        <v>21</v>
      </c>
      <c r="I18" s="32">
        <v>0</v>
      </c>
      <c r="J18" s="33">
        <v>6</v>
      </c>
      <c r="K18" s="34">
        <v>5</v>
      </c>
    </row>
    <row r="19" spans="1:11" ht="24" customHeight="1" x14ac:dyDescent="0.2">
      <c r="A19" s="28"/>
      <c r="B19" s="29" t="s">
        <v>27</v>
      </c>
      <c r="C19" s="30">
        <v>50</v>
      </c>
      <c r="D19" s="31">
        <v>12</v>
      </c>
      <c r="E19" s="32">
        <v>12</v>
      </c>
      <c r="F19" s="32">
        <v>0</v>
      </c>
      <c r="G19" s="32">
        <v>33</v>
      </c>
      <c r="H19" s="33">
        <v>33</v>
      </c>
      <c r="I19" s="32">
        <v>0</v>
      </c>
      <c r="J19" s="33">
        <v>3</v>
      </c>
      <c r="K19" s="34">
        <v>2</v>
      </c>
    </row>
    <row r="20" spans="1:11" ht="24" customHeight="1" x14ac:dyDescent="0.2">
      <c r="A20" s="28"/>
      <c r="B20" s="29" t="s">
        <v>28</v>
      </c>
      <c r="C20" s="30">
        <v>85</v>
      </c>
      <c r="D20" s="31">
        <v>34</v>
      </c>
      <c r="E20" s="32">
        <v>32</v>
      </c>
      <c r="F20" s="32">
        <v>2</v>
      </c>
      <c r="G20" s="32">
        <v>41</v>
      </c>
      <c r="H20" s="33">
        <v>40</v>
      </c>
      <c r="I20" s="32">
        <v>1</v>
      </c>
      <c r="J20" s="33">
        <v>5</v>
      </c>
      <c r="K20" s="34">
        <v>5</v>
      </c>
    </row>
    <row r="21" spans="1:11" ht="24" customHeight="1" x14ac:dyDescent="0.2">
      <c r="A21" s="28"/>
      <c r="B21" s="29" t="s">
        <v>29</v>
      </c>
      <c r="C21" s="30">
        <v>34</v>
      </c>
      <c r="D21" s="31">
        <v>16</v>
      </c>
      <c r="E21" s="32">
        <v>15</v>
      </c>
      <c r="F21" s="32">
        <v>1</v>
      </c>
      <c r="G21" s="32">
        <v>16</v>
      </c>
      <c r="H21" s="33">
        <v>15</v>
      </c>
      <c r="I21" s="32">
        <v>1</v>
      </c>
      <c r="J21" s="33">
        <v>0</v>
      </c>
      <c r="K21" s="34">
        <v>2</v>
      </c>
    </row>
    <row r="22" spans="1:11" ht="24" customHeight="1" x14ac:dyDescent="0.2">
      <c r="A22" s="28"/>
      <c r="B22" s="29" t="s">
        <v>30</v>
      </c>
      <c r="C22" s="30">
        <v>40</v>
      </c>
      <c r="D22" s="31">
        <v>21</v>
      </c>
      <c r="E22" s="32">
        <v>20</v>
      </c>
      <c r="F22" s="32">
        <v>1</v>
      </c>
      <c r="G22" s="32">
        <v>15</v>
      </c>
      <c r="H22" s="33">
        <v>15</v>
      </c>
      <c r="I22" s="32">
        <v>0</v>
      </c>
      <c r="J22" s="33">
        <v>3</v>
      </c>
      <c r="K22" s="34">
        <v>1</v>
      </c>
    </row>
    <row r="23" spans="1:11" ht="24" customHeight="1" x14ac:dyDescent="0.2">
      <c r="A23" s="37"/>
      <c r="B23" s="29" t="s">
        <v>31</v>
      </c>
      <c r="C23" s="30">
        <v>23</v>
      </c>
      <c r="D23" s="31">
        <v>8</v>
      </c>
      <c r="E23" s="32">
        <v>8</v>
      </c>
      <c r="F23" s="32">
        <v>0</v>
      </c>
      <c r="G23" s="32">
        <v>9</v>
      </c>
      <c r="H23" s="33">
        <v>9</v>
      </c>
      <c r="I23" s="32">
        <v>0</v>
      </c>
      <c r="J23" s="33">
        <v>2</v>
      </c>
      <c r="K23" s="34">
        <v>4</v>
      </c>
    </row>
    <row r="24" spans="1:11" ht="24" customHeight="1" x14ac:dyDescent="0.2">
      <c r="A24" s="35" t="s">
        <v>32</v>
      </c>
      <c r="B24" s="38"/>
      <c r="C24" s="30">
        <v>333</v>
      </c>
      <c r="D24" s="31">
        <v>104</v>
      </c>
      <c r="E24" s="32">
        <v>99</v>
      </c>
      <c r="F24" s="32">
        <v>5</v>
      </c>
      <c r="G24" s="32">
        <v>156</v>
      </c>
      <c r="H24" s="33">
        <v>149</v>
      </c>
      <c r="I24" s="32">
        <v>7</v>
      </c>
      <c r="J24" s="33">
        <v>35</v>
      </c>
      <c r="K24" s="34">
        <v>38</v>
      </c>
    </row>
    <row r="25" spans="1:11" ht="24" customHeight="1" x14ac:dyDescent="0.2">
      <c r="A25" s="28"/>
      <c r="B25" s="29" t="s">
        <v>33</v>
      </c>
      <c r="C25" s="30">
        <v>62</v>
      </c>
      <c r="D25" s="31">
        <v>16</v>
      </c>
      <c r="E25" s="32">
        <v>16</v>
      </c>
      <c r="F25" s="32">
        <v>0</v>
      </c>
      <c r="G25" s="32">
        <v>29</v>
      </c>
      <c r="H25" s="33">
        <v>27</v>
      </c>
      <c r="I25" s="32">
        <v>2</v>
      </c>
      <c r="J25" s="33">
        <v>7</v>
      </c>
      <c r="K25" s="34">
        <v>10</v>
      </c>
    </row>
    <row r="26" spans="1:11" ht="24" customHeight="1" x14ac:dyDescent="0.2">
      <c r="A26" s="28"/>
      <c r="B26" s="29" t="s">
        <v>34</v>
      </c>
      <c r="C26" s="30">
        <v>43</v>
      </c>
      <c r="D26" s="31">
        <v>15</v>
      </c>
      <c r="E26" s="32">
        <v>15</v>
      </c>
      <c r="F26" s="32">
        <v>0</v>
      </c>
      <c r="G26" s="32">
        <v>18</v>
      </c>
      <c r="H26" s="33">
        <v>17</v>
      </c>
      <c r="I26" s="32">
        <v>1</v>
      </c>
      <c r="J26" s="33">
        <v>4</v>
      </c>
      <c r="K26" s="34">
        <v>6</v>
      </c>
    </row>
    <row r="27" spans="1:11" ht="24" customHeight="1" x14ac:dyDescent="0.2">
      <c r="A27" s="28"/>
      <c r="B27" s="29" t="s">
        <v>35</v>
      </c>
      <c r="C27" s="30">
        <v>59</v>
      </c>
      <c r="D27" s="31">
        <v>20</v>
      </c>
      <c r="E27" s="32">
        <v>16</v>
      </c>
      <c r="F27" s="32">
        <v>4</v>
      </c>
      <c r="G27" s="32">
        <v>29</v>
      </c>
      <c r="H27" s="33">
        <v>27</v>
      </c>
      <c r="I27" s="32">
        <v>2</v>
      </c>
      <c r="J27" s="33">
        <v>4</v>
      </c>
      <c r="K27" s="34">
        <v>6</v>
      </c>
    </row>
    <row r="28" spans="1:11" ht="24" customHeight="1" x14ac:dyDescent="0.2">
      <c r="A28" s="28"/>
      <c r="B28" s="29" t="s">
        <v>36</v>
      </c>
      <c r="C28" s="30">
        <v>56</v>
      </c>
      <c r="D28" s="31">
        <v>20</v>
      </c>
      <c r="E28" s="32">
        <v>20</v>
      </c>
      <c r="F28" s="32">
        <v>0</v>
      </c>
      <c r="G28" s="32">
        <v>28</v>
      </c>
      <c r="H28" s="33">
        <v>27</v>
      </c>
      <c r="I28" s="32">
        <v>1</v>
      </c>
      <c r="J28" s="33">
        <v>5</v>
      </c>
      <c r="K28" s="34">
        <v>3</v>
      </c>
    </row>
    <row r="29" spans="1:11" ht="24" customHeight="1" x14ac:dyDescent="0.2">
      <c r="A29" s="35"/>
      <c r="B29" s="29" t="s">
        <v>37</v>
      </c>
      <c r="C29" s="30">
        <v>29</v>
      </c>
      <c r="D29" s="31">
        <v>7</v>
      </c>
      <c r="E29" s="32">
        <v>7</v>
      </c>
      <c r="F29" s="32">
        <v>0</v>
      </c>
      <c r="G29" s="32">
        <v>15</v>
      </c>
      <c r="H29" s="33">
        <v>14</v>
      </c>
      <c r="I29" s="32">
        <v>1</v>
      </c>
      <c r="J29" s="33">
        <v>2</v>
      </c>
      <c r="K29" s="34">
        <v>5</v>
      </c>
    </row>
    <row r="30" spans="1:11" ht="24" customHeight="1" x14ac:dyDescent="0.2">
      <c r="A30" s="28"/>
      <c r="B30" s="29" t="s">
        <v>38</v>
      </c>
      <c r="C30" s="30">
        <v>46</v>
      </c>
      <c r="D30" s="31">
        <v>13</v>
      </c>
      <c r="E30" s="32">
        <v>13</v>
      </c>
      <c r="F30" s="32">
        <v>0</v>
      </c>
      <c r="G30" s="32">
        <v>20</v>
      </c>
      <c r="H30" s="33">
        <v>20</v>
      </c>
      <c r="I30" s="32">
        <v>0</v>
      </c>
      <c r="J30" s="33">
        <v>9</v>
      </c>
      <c r="K30" s="34">
        <v>4</v>
      </c>
    </row>
    <row r="31" spans="1:11" ht="24" customHeight="1" x14ac:dyDescent="0.2">
      <c r="A31" s="39"/>
      <c r="B31" s="29" t="s">
        <v>39</v>
      </c>
      <c r="C31" s="30">
        <v>38</v>
      </c>
      <c r="D31" s="31">
        <v>13</v>
      </c>
      <c r="E31" s="32">
        <v>12</v>
      </c>
      <c r="F31" s="32">
        <v>1</v>
      </c>
      <c r="G31" s="32">
        <v>17</v>
      </c>
      <c r="H31" s="33">
        <v>17</v>
      </c>
      <c r="I31" s="32">
        <v>0</v>
      </c>
      <c r="J31" s="33">
        <v>4</v>
      </c>
      <c r="K31" s="34">
        <v>4</v>
      </c>
    </row>
    <row r="32" spans="1:11" ht="24" customHeight="1" x14ac:dyDescent="0.2">
      <c r="A32" s="35" t="s">
        <v>40</v>
      </c>
      <c r="B32" s="38"/>
      <c r="C32" s="30">
        <v>213</v>
      </c>
      <c r="D32" s="31">
        <v>88</v>
      </c>
      <c r="E32" s="32">
        <v>85</v>
      </c>
      <c r="F32" s="32">
        <v>3</v>
      </c>
      <c r="G32" s="32">
        <v>93</v>
      </c>
      <c r="H32" s="33">
        <v>93</v>
      </c>
      <c r="I32" s="32">
        <v>0</v>
      </c>
      <c r="J32" s="33">
        <v>17</v>
      </c>
      <c r="K32" s="34">
        <v>15</v>
      </c>
    </row>
    <row r="33" spans="1:11" ht="24" customHeight="1" x14ac:dyDescent="0.2">
      <c r="A33" s="28"/>
      <c r="B33" s="29" t="s">
        <v>41</v>
      </c>
      <c r="C33" s="30">
        <v>127</v>
      </c>
      <c r="D33" s="31">
        <v>55</v>
      </c>
      <c r="E33" s="32">
        <v>53</v>
      </c>
      <c r="F33" s="32">
        <v>2</v>
      </c>
      <c r="G33" s="32">
        <v>65</v>
      </c>
      <c r="H33" s="33">
        <v>65</v>
      </c>
      <c r="I33" s="32">
        <v>0</v>
      </c>
      <c r="J33" s="33">
        <v>3</v>
      </c>
      <c r="K33" s="34">
        <v>4</v>
      </c>
    </row>
    <row r="34" spans="1:11" ht="24" customHeight="1" x14ac:dyDescent="0.2">
      <c r="A34" s="36"/>
      <c r="B34" s="40" t="s">
        <v>42</v>
      </c>
      <c r="C34" s="41">
        <v>34</v>
      </c>
      <c r="D34" s="42">
        <v>9</v>
      </c>
      <c r="E34" s="43">
        <v>9</v>
      </c>
      <c r="F34" s="43">
        <v>0</v>
      </c>
      <c r="G34" s="43">
        <v>12</v>
      </c>
      <c r="H34" s="44">
        <v>12</v>
      </c>
      <c r="I34" s="43">
        <v>0</v>
      </c>
      <c r="J34" s="44">
        <v>6</v>
      </c>
      <c r="K34" s="45">
        <v>7</v>
      </c>
    </row>
    <row r="35" spans="1:11" ht="24" customHeight="1" thickBot="1" x14ac:dyDescent="0.25">
      <c r="A35" s="46"/>
      <c r="B35" s="47" t="s">
        <v>43</v>
      </c>
      <c r="C35" s="48">
        <v>52</v>
      </c>
      <c r="D35" s="49">
        <v>24</v>
      </c>
      <c r="E35" s="50">
        <v>23</v>
      </c>
      <c r="F35" s="50">
        <v>1</v>
      </c>
      <c r="G35" s="50">
        <v>16</v>
      </c>
      <c r="H35" s="51">
        <v>16</v>
      </c>
      <c r="I35" s="50">
        <v>0</v>
      </c>
      <c r="J35" s="51">
        <v>8</v>
      </c>
      <c r="K35" s="52">
        <v>4</v>
      </c>
    </row>
    <row r="36" spans="1:11" ht="24" customHeight="1" x14ac:dyDescent="0.2">
      <c r="A36" s="53" t="s">
        <v>44</v>
      </c>
      <c r="B36" s="54"/>
      <c r="C36" s="55">
        <v>236</v>
      </c>
      <c r="D36" s="56">
        <v>62</v>
      </c>
      <c r="E36" s="57">
        <v>55</v>
      </c>
      <c r="F36" s="57">
        <v>7</v>
      </c>
      <c r="G36" s="57">
        <v>127</v>
      </c>
      <c r="H36" s="58">
        <v>120</v>
      </c>
      <c r="I36" s="57">
        <v>7</v>
      </c>
      <c r="J36" s="58">
        <v>16</v>
      </c>
      <c r="K36" s="59">
        <v>31</v>
      </c>
    </row>
    <row r="37" spans="1:11" ht="24" customHeight="1" x14ac:dyDescent="0.2">
      <c r="A37" s="60" t="s">
        <v>45</v>
      </c>
      <c r="B37" s="38"/>
      <c r="C37" s="30">
        <v>174</v>
      </c>
      <c r="D37" s="31">
        <v>54</v>
      </c>
      <c r="E37" s="32">
        <v>53</v>
      </c>
      <c r="F37" s="32">
        <v>1</v>
      </c>
      <c r="G37" s="32">
        <v>100</v>
      </c>
      <c r="H37" s="33">
        <v>100</v>
      </c>
      <c r="I37" s="32">
        <v>0</v>
      </c>
      <c r="J37" s="33">
        <v>11</v>
      </c>
      <c r="K37" s="34">
        <v>9</v>
      </c>
    </row>
    <row r="38" spans="1:11" ht="24" customHeight="1" x14ac:dyDescent="0.2">
      <c r="A38" s="60" t="s">
        <v>46</v>
      </c>
      <c r="B38" s="38"/>
      <c r="C38" s="30">
        <v>176</v>
      </c>
      <c r="D38" s="31">
        <v>44</v>
      </c>
      <c r="E38" s="32">
        <v>41</v>
      </c>
      <c r="F38" s="32">
        <v>3</v>
      </c>
      <c r="G38" s="32">
        <v>121</v>
      </c>
      <c r="H38" s="33">
        <v>120</v>
      </c>
      <c r="I38" s="32">
        <v>1</v>
      </c>
      <c r="J38" s="33">
        <v>9</v>
      </c>
      <c r="K38" s="34">
        <v>2</v>
      </c>
    </row>
    <row r="39" spans="1:11" ht="24" customHeight="1" x14ac:dyDescent="0.2">
      <c r="A39" s="61" t="s">
        <v>47</v>
      </c>
      <c r="B39" s="62"/>
      <c r="C39" s="63">
        <v>144</v>
      </c>
      <c r="D39" s="64">
        <v>58</v>
      </c>
      <c r="E39" s="65">
        <v>55</v>
      </c>
      <c r="F39" s="65">
        <v>3</v>
      </c>
      <c r="G39" s="65">
        <v>63</v>
      </c>
      <c r="H39" s="66">
        <v>62</v>
      </c>
      <c r="I39" s="65">
        <v>1</v>
      </c>
      <c r="J39" s="66">
        <v>17</v>
      </c>
      <c r="K39" s="67">
        <v>6</v>
      </c>
    </row>
    <row r="40" spans="1:11" ht="24" customHeight="1" x14ac:dyDescent="0.2">
      <c r="A40" s="60" t="s">
        <v>48</v>
      </c>
      <c r="B40" s="38"/>
      <c r="C40" s="30">
        <v>256</v>
      </c>
      <c r="D40" s="31">
        <v>63</v>
      </c>
      <c r="E40" s="32">
        <v>59</v>
      </c>
      <c r="F40" s="32">
        <v>4</v>
      </c>
      <c r="G40" s="32">
        <v>170</v>
      </c>
      <c r="H40" s="33">
        <v>167</v>
      </c>
      <c r="I40" s="32">
        <v>3</v>
      </c>
      <c r="J40" s="33">
        <v>9</v>
      </c>
      <c r="K40" s="34">
        <v>14</v>
      </c>
    </row>
    <row r="41" spans="1:11" ht="24" customHeight="1" x14ac:dyDescent="0.2">
      <c r="A41" s="60" t="s">
        <v>49</v>
      </c>
      <c r="B41" s="38"/>
      <c r="C41" s="30">
        <v>92</v>
      </c>
      <c r="D41" s="31">
        <v>31</v>
      </c>
      <c r="E41" s="32">
        <v>31</v>
      </c>
      <c r="F41" s="32">
        <v>0</v>
      </c>
      <c r="G41" s="32">
        <v>43</v>
      </c>
      <c r="H41" s="33">
        <v>43</v>
      </c>
      <c r="I41" s="32">
        <v>0</v>
      </c>
      <c r="J41" s="33">
        <v>11</v>
      </c>
      <c r="K41" s="34">
        <v>7</v>
      </c>
    </row>
    <row r="42" spans="1:11" ht="24" customHeight="1" x14ac:dyDescent="0.2">
      <c r="A42" s="61" t="s">
        <v>50</v>
      </c>
      <c r="B42" s="62"/>
      <c r="C42" s="63">
        <v>35</v>
      </c>
      <c r="D42" s="64">
        <v>9</v>
      </c>
      <c r="E42" s="65">
        <v>8</v>
      </c>
      <c r="F42" s="65">
        <v>1</v>
      </c>
      <c r="G42" s="65">
        <v>20</v>
      </c>
      <c r="H42" s="66">
        <v>19</v>
      </c>
      <c r="I42" s="65">
        <v>1</v>
      </c>
      <c r="J42" s="66">
        <v>3</v>
      </c>
      <c r="K42" s="67">
        <v>3</v>
      </c>
    </row>
    <row r="43" spans="1:11" ht="24" customHeight="1" x14ac:dyDescent="0.2">
      <c r="A43" s="60" t="s">
        <v>51</v>
      </c>
      <c r="B43" s="38"/>
      <c r="C43" s="30">
        <v>66</v>
      </c>
      <c r="D43" s="31">
        <v>18</v>
      </c>
      <c r="E43" s="32">
        <v>18</v>
      </c>
      <c r="F43" s="32">
        <v>0</v>
      </c>
      <c r="G43" s="32">
        <v>42</v>
      </c>
      <c r="H43" s="33">
        <v>38</v>
      </c>
      <c r="I43" s="32">
        <v>4</v>
      </c>
      <c r="J43" s="33">
        <v>2</v>
      </c>
      <c r="K43" s="34">
        <v>4</v>
      </c>
    </row>
    <row r="44" spans="1:11" ht="24" customHeight="1" x14ac:dyDescent="0.2">
      <c r="A44" s="60" t="s">
        <v>52</v>
      </c>
      <c r="B44" s="38"/>
      <c r="C44" s="30">
        <v>110</v>
      </c>
      <c r="D44" s="31">
        <v>50</v>
      </c>
      <c r="E44" s="32">
        <v>45</v>
      </c>
      <c r="F44" s="32">
        <v>5</v>
      </c>
      <c r="G44" s="32">
        <v>52</v>
      </c>
      <c r="H44" s="33">
        <v>52</v>
      </c>
      <c r="I44" s="32">
        <v>0</v>
      </c>
      <c r="J44" s="33">
        <v>4</v>
      </c>
      <c r="K44" s="34">
        <v>4</v>
      </c>
    </row>
    <row r="45" spans="1:11" ht="24" customHeight="1" x14ac:dyDescent="0.2">
      <c r="A45" s="60" t="s">
        <v>53</v>
      </c>
      <c r="B45" s="38"/>
      <c r="C45" s="30">
        <v>138</v>
      </c>
      <c r="D45" s="31">
        <v>57</v>
      </c>
      <c r="E45" s="32">
        <v>57</v>
      </c>
      <c r="F45" s="32">
        <v>0</v>
      </c>
      <c r="G45" s="32">
        <v>70</v>
      </c>
      <c r="H45" s="33">
        <v>69</v>
      </c>
      <c r="I45" s="32">
        <v>1</v>
      </c>
      <c r="J45" s="33">
        <v>6</v>
      </c>
      <c r="K45" s="34">
        <v>5</v>
      </c>
    </row>
    <row r="46" spans="1:11" ht="24" customHeight="1" x14ac:dyDescent="0.2">
      <c r="A46" s="60" t="s">
        <v>54</v>
      </c>
      <c r="B46" s="38"/>
      <c r="C46" s="30">
        <v>39</v>
      </c>
      <c r="D46" s="31">
        <v>15</v>
      </c>
      <c r="E46" s="32">
        <v>14</v>
      </c>
      <c r="F46" s="32">
        <v>1</v>
      </c>
      <c r="G46" s="32">
        <v>13</v>
      </c>
      <c r="H46" s="33">
        <v>13</v>
      </c>
      <c r="I46" s="32">
        <v>0</v>
      </c>
      <c r="J46" s="33">
        <v>6</v>
      </c>
      <c r="K46" s="34">
        <v>5</v>
      </c>
    </row>
    <row r="47" spans="1:11" ht="24" customHeight="1" x14ac:dyDescent="0.2">
      <c r="A47" s="60" t="s">
        <v>55</v>
      </c>
      <c r="B47" s="38"/>
      <c r="C47" s="30">
        <v>168</v>
      </c>
      <c r="D47" s="31">
        <v>92</v>
      </c>
      <c r="E47" s="32">
        <v>44</v>
      </c>
      <c r="F47" s="32">
        <v>48</v>
      </c>
      <c r="G47" s="32">
        <v>71</v>
      </c>
      <c r="H47" s="33">
        <v>70</v>
      </c>
      <c r="I47" s="32">
        <v>1</v>
      </c>
      <c r="J47" s="33">
        <v>3</v>
      </c>
      <c r="K47" s="34">
        <v>2</v>
      </c>
    </row>
    <row r="48" spans="1:11" ht="24" customHeight="1" x14ac:dyDescent="0.2">
      <c r="A48" s="60" t="s">
        <v>56</v>
      </c>
      <c r="B48" s="38"/>
      <c r="C48" s="30">
        <v>50</v>
      </c>
      <c r="D48" s="31">
        <v>14</v>
      </c>
      <c r="E48" s="32">
        <v>14</v>
      </c>
      <c r="F48" s="32">
        <v>0</v>
      </c>
      <c r="G48" s="32">
        <v>31</v>
      </c>
      <c r="H48" s="33">
        <v>31</v>
      </c>
      <c r="I48" s="32">
        <v>0</v>
      </c>
      <c r="J48" s="33">
        <v>4</v>
      </c>
      <c r="K48" s="34">
        <v>1</v>
      </c>
    </row>
    <row r="49" spans="1:11" ht="24" customHeight="1" x14ac:dyDescent="0.2">
      <c r="A49" s="60" t="s">
        <v>57</v>
      </c>
      <c r="B49" s="38"/>
      <c r="C49" s="30">
        <v>19</v>
      </c>
      <c r="D49" s="31">
        <v>6</v>
      </c>
      <c r="E49" s="32">
        <v>6</v>
      </c>
      <c r="F49" s="32">
        <v>0</v>
      </c>
      <c r="G49" s="32">
        <v>10</v>
      </c>
      <c r="H49" s="33">
        <v>10</v>
      </c>
      <c r="I49" s="32">
        <v>0</v>
      </c>
      <c r="J49" s="33">
        <v>0</v>
      </c>
      <c r="K49" s="34">
        <v>3</v>
      </c>
    </row>
    <row r="50" spans="1:11" ht="24" customHeight="1" x14ac:dyDescent="0.2">
      <c r="A50" s="60" t="s">
        <v>58</v>
      </c>
      <c r="B50" s="38"/>
      <c r="C50" s="30">
        <v>50</v>
      </c>
      <c r="D50" s="31">
        <v>13</v>
      </c>
      <c r="E50" s="32">
        <v>13</v>
      </c>
      <c r="F50" s="32">
        <v>0</v>
      </c>
      <c r="G50" s="32">
        <v>34</v>
      </c>
      <c r="H50" s="33">
        <v>34</v>
      </c>
      <c r="I50" s="32">
        <v>0</v>
      </c>
      <c r="J50" s="33">
        <v>0</v>
      </c>
      <c r="K50" s="34">
        <v>3</v>
      </c>
    </row>
    <row r="51" spans="1:11" ht="24" customHeight="1" x14ac:dyDescent="0.2">
      <c r="A51" s="60" t="s">
        <v>59</v>
      </c>
      <c r="B51" s="38"/>
      <c r="C51" s="30">
        <v>22</v>
      </c>
      <c r="D51" s="31">
        <v>8</v>
      </c>
      <c r="E51" s="32">
        <v>8</v>
      </c>
      <c r="F51" s="32">
        <v>0</v>
      </c>
      <c r="G51" s="32">
        <v>9</v>
      </c>
      <c r="H51" s="33">
        <v>9</v>
      </c>
      <c r="I51" s="32">
        <v>0</v>
      </c>
      <c r="J51" s="33">
        <v>2</v>
      </c>
      <c r="K51" s="34">
        <v>3</v>
      </c>
    </row>
    <row r="52" spans="1:11" ht="24" customHeight="1" x14ac:dyDescent="0.2">
      <c r="A52" s="60" t="s">
        <v>60</v>
      </c>
      <c r="B52" s="38"/>
      <c r="C52" s="30">
        <v>27</v>
      </c>
      <c r="D52" s="31">
        <v>8</v>
      </c>
      <c r="E52" s="32">
        <v>8</v>
      </c>
      <c r="F52" s="32">
        <v>0</v>
      </c>
      <c r="G52" s="32">
        <v>17</v>
      </c>
      <c r="H52" s="33">
        <v>17</v>
      </c>
      <c r="I52" s="32">
        <v>0</v>
      </c>
      <c r="J52" s="33">
        <v>1</v>
      </c>
      <c r="K52" s="34">
        <v>1</v>
      </c>
    </row>
    <row r="53" spans="1:11" ht="24" customHeight="1" x14ac:dyDescent="0.2">
      <c r="A53" s="60" t="s">
        <v>61</v>
      </c>
      <c r="B53" s="38"/>
      <c r="C53" s="30">
        <v>20</v>
      </c>
      <c r="D53" s="31">
        <v>7</v>
      </c>
      <c r="E53" s="32">
        <v>7</v>
      </c>
      <c r="F53" s="32">
        <v>0</v>
      </c>
      <c r="G53" s="32">
        <v>12</v>
      </c>
      <c r="H53" s="33">
        <v>12</v>
      </c>
      <c r="I53" s="32">
        <v>0</v>
      </c>
      <c r="J53" s="33">
        <v>0</v>
      </c>
      <c r="K53" s="34">
        <v>1</v>
      </c>
    </row>
    <row r="54" spans="1:11" ht="24" customHeight="1" x14ac:dyDescent="0.2">
      <c r="A54" s="60" t="s">
        <v>62</v>
      </c>
      <c r="B54" s="38"/>
      <c r="C54" s="30">
        <v>57</v>
      </c>
      <c r="D54" s="31">
        <v>27</v>
      </c>
      <c r="E54" s="32">
        <v>25</v>
      </c>
      <c r="F54" s="32">
        <v>2</v>
      </c>
      <c r="G54" s="32">
        <v>24</v>
      </c>
      <c r="H54" s="33">
        <v>23</v>
      </c>
      <c r="I54" s="32">
        <v>1</v>
      </c>
      <c r="J54" s="33">
        <v>3</v>
      </c>
      <c r="K54" s="34">
        <v>3</v>
      </c>
    </row>
    <row r="55" spans="1:11" ht="24" customHeight="1" x14ac:dyDescent="0.2">
      <c r="A55" s="60" t="s">
        <v>63</v>
      </c>
      <c r="B55" s="38"/>
      <c r="C55" s="30">
        <v>34</v>
      </c>
      <c r="D55" s="31">
        <v>16</v>
      </c>
      <c r="E55" s="32">
        <v>16</v>
      </c>
      <c r="F55" s="32">
        <v>0</v>
      </c>
      <c r="G55" s="32">
        <v>13</v>
      </c>
      <c r="H55" s="33">
        <v>13</v>
      </c>
      <c r="I55" s="32">
        <v>0</v>
      </c>
      <c r="J55" s="33">
        <v>2</v>
      </c>
      <c r="K55" s="34">
        <v>3</v>
      </c>
    </row>
    <row r="56" spans="1:11" ht="24" customHeight="1" x14ac:dyDescent="0.2">
      <c r="A56" s="60" t="s">
        <v>64</v>
      </c>
      <c r="B56" s="38"/>
      <c r="C56" s="30">
        <v>23</v>
      </c>
      <c r="D56" s="31">
        <v>13</v>
      </c>
      <c r="E56" s="32">
        <v>13</v>
      </c>
      <c r="F56" s="32">
        <v>0</v>
      </c>
      <c r="G56" s="32">
        <v>8</v>
      </c>
      <c r="H56" s="33">
        <v>8</v>
      </c>
      <c r="I56" s="32">
        <v>0</v>
      </c>
      <c r="J56" s="33">
        <v>2</v>
      </c>
      <c r="K56" s="34">
        <v>0</v>
      </c>
    </row>
    <row r="57" spans="1:11" ht="24" customHeight="1" x14ac:dyDescent="0.2">
      <c r="A57" s="60" t="s">
        <v>65</v>
      </c>
      <c r="B57" s="38"/>
      <c r="C57" s="30">
        <v>25</v>
      </c>
      <c r="D57" s="31">
        <v>12</v>
      </c>
      <c r="E57" s="32">
        <v>12</v>
      </c>
      <c r="F57" s="32">
        <v>0</v>
      </c>
      <c r="G57" s="32">
        <v>12</v>
      </c>
      <c r="H57" s="33">
        <v>11</v>
      </c>
      <c r="I57" s="32">
        <v>1</v>
      </c>
      <c r="J57" s="33">
        <v>0</v>
      </c>
      <c r="K57" s="34">
        <v>1</v>
      </c>
    </row>
    <row r="58" spans="1:11" ht="24" customHeight="1" x14ac:dyDescent="0.2">
      <c r="A58" s="60" t="s">
        <v>66</v>
      </c>
      <c r="B58" s="38"/>
      <c r="C58" s="30">
        <v>12</v>
      </c>
      <c r="D58" s="31">
        <v>3</v>
      </c>
      <c r="E58" s="32">
        <v>3</v>
      </c>
      <c r="F58" s="32">
        <v>0</v>
      </c>
      <c r="G58" s="32">
        <v>6</v>
      </c>
      <c r="H58" s="33">
        <v>6</v>
      </c>
      <c r="I58" s="32">
        <v>0</v>
      </c>
      <c r="J58" s="33">
        <v>1</v>
      </c>
      <c r="K58" s="34">
        <v>2</v>
      </c>
    </row>
    <row r="59" spans="1:11" ht="24" customHeight="1" x14ac:dyDescent="0.2">
      <c r="A59" s="60" t="s">
        <v>67</v>
      </c>
      <c r="B59" s="38"/>
      <c r="C59" s="30">
        <v>33</v>
      </c>
      <c r="D59" s="31">
        <v>13</v>
      </c>
      <c r="E59" s="32">
        <v>13</v>
      </c>
      <c r="F59" s="32">
        <v>0</v>
      </c>
      <c r="G59" s="32">
        <v>18</v>
      </c>
      <c r="H59" s="33">
        <v>18</v>
      </c>
      <c r="I59" s="32">
        <v>0</v>
      </c>
      <c r="J59" s="33">
        <v>1</v>
      </c>
      <c r="K59" s="34">
        <v>1</v>
      </c>
    </row>
    <row r="60" spans="1:11" ht="24" customHeight="1" x14ac:dyDescent="0.2">
      <c r="A60" s="60" t="s">
        <v>68</v>
      </c>
      <c r="B60" s="38"/>
      <c r="C60" s="30">
        <v>9</v>
      </c>
      <c r="D60" s="31">
        <v>2</v>
      </c>
      <c r="E60" s="32">
        <v>2</v>
      </c>
      <c r="F60" s="32">
        <v>0</v>
      </c>
      <c r="G60" s="32">
        <v>7</v>
      </c>
      <c r="H60" s="33">
        <v>7</v>
      </c>
      <c r="I60" s="32">
        <v>0</v>
      </c>
      <c r="J60" s="33">
        <v>0</v>
      </c>
      <c r="K60" s="34">
        <v>0</v>
      </c>
    </row>
    <row r="61" spans="1:11" ht="24" customHeight="1" x14ac:dyDescent="0.2">
      <c r="A61" s="60" t="s">
        <v>69</v>
      </c>
      <c r="B61" s="38"/>
      <c r="C61" s="30">
        <v>33</v>
      </c>
      <c r="D61" s="31">
        <v>13</v>
      </c>
      <c r="E61" s="32">
        <v>13</v>
      </c>
      <c r="F61" s="32">
        <v>0</v>
      </c>
      <c r="G61" s="32">
        <v>17</v>
      </c>
      <c r="H61" s="33">
        <v>17</v>
      </c>
      <c r="I61" s="32">
        <v>0</v>
      </c>
      <c r="J61" s="33">
        <v>1</v>
      </c>
      <c r="K61" s="34">
        <v>2</v>
      </c>
    </row>
    <row r="62" spans="1:11" ht="24" customHeight="1" x14ac:dyDescent="0.2">
      <c r="A62" s="60" t="s">
        <v>70</v>
      </c>
      <c r="B62" s="38"/>
      <c r="C62" s="30">
        <v>9</v>
      </c>
      <c r="D62" s="31">
        <v>2</v>
      </c>
      <c r="E62" s="32">
        <v>2</v>
      </c>
      <c r="F62" s="32">
        <v>0</v>
      </c>
      <c r="G62" s="32">
        <v>5</v>
      </c>
      <c r="H62" s="33">
        <v>5</v>
      </c>
      <c r="I62" s="32">
        <v>0</v>
      </c>
      <c r="J62" s="33">
        <v>0</v>
      </c>
      <c r="K62" s="34">
        <v>2</v>
      </c>
    </row>
    <row r="63" spans="1:11" ht="24" customHeight="1" x14ac:dyDescent="0.2">
      <c r="A63" s="60" t="s">
        <v>71</v>
      </c>
      <c r="B63" s="38"/>
      <c r="C63" s="30">
        <v>22</v>
      </c>
      <c r="D63" s="31">
        <v>9</v>
      </c>
      <c r="E63" s="32">
        <v>8</v>
      </c>
      <c r="F63" s="32">
        <v>1</v>
      </c>
      <c r="G63" s="32">
        <v>11</v>
      </c>
      <c r="H63" s="33">
        <v>10</v>
      </c>
      <c r="I63" s="32">
        <v>1</v>
      </c>
      <c r="J63" s="33">
        <v>1</v>
      </c>
      <c r="K63" s="34">
        <v>1</v>
      </c>
    </row>
    <row r="64" spans="1:11" ht="24" customHeight="1" x14ac:dyDescent="0.2">
      <c r="A64" s="60" t="s">
        <v>72</v>
      </c>
      <c r="B64" s="38"/>
      <c r="C64" s="30">
        <v>29</v>
      </c>
      <c r="D64" s="31">
        <v>11</v>
      </c>
      <c r="E64" s="32">
        <v>11</v>
      </c>
      <c r="F64" s="32">
        <v>0</v>
      </c>
      <c r="G64" s="32">
        <v>14</v>
      </c>
      <c r="H64" s="33">
        <v>13</v>
      </c>
      <c r="I64" s="32">
        <v>1</v>
      </c>
      <c r="J64" s="33">
        <v>2</v>
      </c>
      <c r="K64" s="34">
        <v>2</v>
      </c>
    </row>
    <row r="65" spans="1:11" ht="24" customHeight="1" thickBot="1" x14ac:dyDescent="0.25">
      <c r="A65" s="46" t="s">
        <v>73</v>
      </c>
      <c r="B65" s="68"/>
      <c r="C65" s="48">
        <v>5</v>
      </c>
      <c r="D65" s="49">
        <v>2</v>
      </c>
      <c r="E65" s="50">
        <v>2</v>
      </c>
      <c r="F65" s="50">
        <v>0</v>
      </c>
      <c r="G65" s="50">
        <v>3</v>
      </c>
      <c r="H65" s="51">
        <v>3</v>
      </c>
      <c r="I65" s="50">
        <v>0</v>
      </c>
      <c r="J65" s="51">
        <v>0</v>
      </c>
      <c r="K65" s="52">
        <v>0</v>
      </c>
    </row>
    <row r="111" spans="2:7" x14ac:dyDescent="0.2">
      <c r="B111" s="69"/>
      <c r="C111" s="69"/>
      <c r="D111" s="69"/>
      <c r="E111" s="69"/>
      <c r="F111" s="69"/>
      <c r="G111" s="69"/>
    </row>
    <row r="112" spans="2:7" x14ac:dyDescent="0.2">
      <c r="B112" s="69"/>
      <c r="C112" s="69"/>
      <c r="D112" s="69"/>
      <c r="E112" s="69"/>
      <c r="F112" s="69"/>
      <c r="G112" s="69"/>
    </row>
    <row r="113" spans="2:7" x14ac:dyDescent="0.2">
      <c r="B113" s="69"/>
      <c r="C113" s="69"/>
      <c r="D113" s="69"/>
      <c r="E113" s="69"/>
      <c r="F113" s="69"/>
      <c r="G113" s="69"/>
    </row>
    <row r="114" spans="2:7" x14ac:dyDescent="0.2">
      <c r="B114" s="69"/>
      <c r="C114" s="69"/>
      <c r="D114" s="69"/>
      <c r="E114" s="69"/>
      <c r="F114" s="69"/>
      <c r="G114" s="69"/>
    </row>
    <row r="115" spans="2:7" x14ac:dyDescent="0.2">
      <c r="B115" s="69"/>
      <c r="C115" s="69"/>
      <c r="D115" s="69"/>
      <c r="E115" s="69"/>
      <c r="F115" s="69"/>
      <c r="G115" s="69"/>
    </row>
  </sheetData>
  <mergeCells count="5">
    <mergeCell ref="A2:B3"/>
    <mergeCell ref="D2:D3"/>
    <mergeCell ref="G2:G3"/>
    <mergeCell ref="J2:J3"/>
    <mergeCell ref="K2:K3"/>
  </mergeCells>
  <phoneticPr fontId="3"/>
  <pageMargins left="0.82677165354330717" right="0" top="0.55118110236220474" bottom="0.86614173228346458" header="0.62992125984251968" footer="0.62992125984251968"/>
  <pageSetup paperSize="9" scale="92" orientation="portrait" useFirstPageNumber="1" r:id="rId1"/>
  <headerFooter alignWithMargins="0">
    <oddFooter>&amp;R&amp;"メイリオ,レギュラー"&amp;9令和6年1月1日現在</oddFooter>
  </headerFooter>
  <rowBreaks count="1" manualBreakCount="1">
    <brk id="3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市区町村別･系統別 宗教法人数</vt:lpstr>
      <vt:lpstr>'市区町村別･系統別 宗教法人数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1-16T07:16:45Z</dcterms:created>
  <dcterms:modified xsi:type="dcterms:W3CDTF">2024-01-22T06:01:53Z</dcterms:modified>
</cp:coreProperties>
</file>